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coevor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1BAD02E-47E0-FEAE-682C-C4905EAABD6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8713" y="5067300"/>
            <a:ext cx="2006613" cy="148890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927E2DFE-C9DB-11A0-4FAC-92599A16A08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092366"/>
            <a:ext cx="1711184" cy="126969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1-30T08:54:24Z</dcterms:modified>
</cp:coreProperties>
</file>